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3年度\02_財政グループ分\☆PRA作業後ファイル\"/>
    </mc:Choice>
  </mc:AlternateContent>
  <bookViews>
    <workbookView xWindow="0" yWindow="0" windowWidth="20400" windowHeight="7248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52511"/>
</workbook>
</file>

<file path=xl/sharedStrings.xml><?xml version="1.0" encoding="utf-8"?>
<sst xmlns="http://schemas.openxmlformats.org/spreadsheetml/2006/main" count="82" uniqueCount="79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歳入歳出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2.10.1）</t>
  </si>
  <si>
    <t>（H27.10.1）</t>
  </si>
  <si>
    <t>（R2.10.1）</t>
    <phoneticPr fontId="1"/>
  </si>
  <si>
    <t>（R3.7.1）</t>
    <phoneticPr fontId="1"/>
  </si>
  <si>
    <t>横浜市</t>
    <phoneticPr fontId="1"/>
  </si>
  <si>
    <t>川崎市</t>
    <phoneticPr fontId="1"/>
  </si>
  <si>
    <t>相模原市</t>
    <phoneticPr fontId="1"/>
  </si>
  <si>
    <t>*　720,779</t>
    <phoneticPr fontId="1"/>
  </si>
  <si>
    <t>横須賀市</t>
    <phoneticPr fontId="1"/>
  </si>
  <si>
    <t>平塚市</t>
    <phoneticPr fontId="1"/>
  </si>
  <si>
    <t>* 67.82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* 35.70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* 17.18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*　平塚市、茅ヶ崎市及び大磯町は、境界の一部が未定
　のため、参考値を示した。（出典：国土地理院令和
  ３年全国都道府県市区町村別面積調（令和３年７月１日時点））</t>
    <phoneticPr fontId="1"/>
  </si>
  <si>
    <t>*　市区町村の境域に基づいて組み替えた平成27年の人口（令和２年10月１日時点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▲ &quot;#,##0"/>
    <numFmt numFmtId="177" formatCode="#,##0.00;&quot;▲ &quot;#,##0.00"/>
  </numFmts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  <xf numFmtId="38" fontId="5" fillId="0" borderId="9" xfId="1" applyFont="1" applyBorder="1" applyAlignment="1">
      <alignment horizontal="right"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40"/>
  <sheetViews>
    <sheetView tabSelected="1" view="pageBreakPreview" zoomScaleNormal="100" zoomScaleSheetLayoutView="100" workbookViewId="0"/>
  </sheetViews>
  <sheetFormatPr defaultColWidth="9.19921875" defaultRowHeight="10.8"/>
  <cols>
    <col min="1" max="1" width="14.09765625" style="11" customWidth="1"/>
    <col min="2" max="18" width="9.19921875" style="17"/>
    <col min="19" max="16384" width="9.199218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18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35</v>
      </c>
      <c r="C3" s="12" t="s">
        <v>36</v>
      </c>
      <c r="D3" s="12" t="s">
        <v>37</v>
      </c>
      <c r="E3" s="12" t="s">
        <v>38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19</v>
      </c>
      <c r="N3" s="5" t="s">
        <v>14</v>
      </c>
      <c r="O3" s="5" t="s">
        <v>15</v>
      </c>
      <c r="P3" s="5" t="s">
        <v>16</v>
      </c>
      <c r="Q3" s="5" t="s">
        <v>20</v>
      </c>
      <c r="R3" s="5" t="s">
        <v>21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22</v>
      </c>
      <c r="I4" s="5" t="s">
        <v>17</v>
      </c>
      <c r="J4" s="5"/>
      <c r="K4" s="5"/>
      <c r="L4" s="5"/>
      <c r="M4" s="5"/>
      <c r="N4" s="5"/>
      <c r="O4" s="5" t="s">
        <v>33</v>
      </c>
      <c r="P4" s="5"/>
      <c r="Q4" s="5"/>
      <c r="R4" s="5" t="s">
        <v>24</v>
      </c>
    </row>
    <row r="5" spans="1:18" s="1" customFormat="1" ht="17.25" customHeight="1">
      <c r="A5" s="6"/>
      <c r="B5" s="6"/>
      <c r="C5" s="6"/>
      <c r="D5" s="6"/>
      <c r="E5" s="6"/>
      <c r="F5" s="6" t="s">
        <v>25</v>
      </c>
      <c r="G5" s="6" t="s">
        <v>26</v>
      </c>
      <c r="H5" s="6" t="s">
        <v>27</v>
      </c>
      <c r="I5" s="6" t="s">
        <v>28</v>
      </c>
      <c r="J5" s="5" t="s">
        <v>23</v>
      </c>
      <c r="K5" s="6" t="s">
        <v>29</v>
      </c>
      <c r="L5" s="6" t="s">
        <v>30</v>
      </c>
      <c r="M5" s="6" t="s">
        <v>31</v>
      </c>
      <c r="N5" s="6" t="s">
        <v>32</v>
      </c>
      <c r="O5" s="6" t="s">
        <v>34</v>
      </c>
      <c r="P5" s="6"/>
      <c r="Q5" s="6"/>
      <c r="R5" s="6"/>
    </row>
    <row r="6" spans="1:18" ht="17.25" customHeight="1">
      <c r="A6" s="7" t="s">
        <v>39</v>
      </c>
      <c r="B6" s="13">
        <v>3688773</v>
      </c>
      <c r="C6" s="13">
        <v>3724844</v>
      </c>
      <c r="D6" s="13">
        <v>3777491</v>
      </c>
      <c r="E6" s="18">
        <v>437.78</v>
      </c>
      <c r="F6" s="13">
        <v>2392988333</v>
      </c>
      <c r="G6" s="13">
        <v>2369287047</v>
      </c>
      <c r="H6" s="13">
        <v>23701286</v>
      </c>
      <c r="I6" s="13">
        <v>16968466</v>
      </c>
      <c r="J6" s="13">
        <v>6732820</v>
      </c>
      <c r="K6" s="13">
        <v>-1417622</v>
      </c>
      <c r="L6" s="13">
        <v>6402299</v>
      </c>
      <c r="M6" s="13">
        <v>0</v>
      </c>
      <c r="N6" s="13">
        <v>5138889</v>
      </c>
      <c r="O6" s="13">
        <v>-154212</v>
      </c>
      <c r="P6" s="13">
        <v>897564826</v>
      </c>
      <c r="Q6" s="13">
        <v>957786462</v>
      </c>
      <c r="R6" s="13">
        <v>38133134</v>
      </c>
    </row>
    <row r="7" spans="1:18" s="3" customFormat="1" ht="17.25" customHeight="1">
      <c r="A7" s="8" t="s">
        <v>40</v>
      </c>
      <c r="B7" s="14">
        <v>1425512</v>
      </c>
      <c r="C7" s="14">
        <v>1475213</v>
      </c>
      <c r="D7" s="14">
        <v>1538262</v>
      </c>
      <c r="E7" s="19">
        <v>142.96</v>
      </c>
      <c r="F7" s="14">
        <v>907176643</v>
      </c>
      <c r="G7" s="14">
        <v>903211857</v>
      </c>
      <c r="H7" s="14">
        <v>3964786</v>
      </c>
      <c r="I7" s="14">
        <v>3424461</v>
      </c>
      <c r="J7" s="14">
        <v>540325</v>
      </c>
      <c r="K7" s="14">
        <v>94175</v>
      </c>
      <c r="L7" s="14">
        <v>48388</v>
      </c>
      <c r="M7" s="14">
        <v>0</v>
      </c>
      <c r="N7" s="14">
        <v>0</v>
      </c>
      <c r="O7" s="14">
        <v>142563</v>
      </c>
      <c r="P7" s="14">
        <v>384273580</v>
      </c>
      <c r="Q7" s="14">
        <v>384273580</v>
      </c>
      <c r="R7" s="14">
        <v>0</v>
      </c>
    </row>
    <row r="8" spans="1:18" ht="17.25" customHeight="1">
      <c r="A8" s="23" t="s">
        <v>41</v>
      </c>
      <c r="B8" s="24">
        <v>717544</v>
      </c>
      <c r="C8" s="29" t="s">
        <v>42</v>
      </c>
      <c r="D8" s="24">
        <v>725493</v>
      </c>
      <c r="E8" s="25">
        <v>328.91</v>
      </c>
      <c r="F8" s="24">
        <v>391464488</v>
      </c>
      <c r="G8" s="24">
        <v>380200171</v>
      </c>
      <c r="H8" s="24">
        <v>11264317</v>
      </c>
      <c r="I8" s="24">
        <v>1175193</v>
      </c>
      <c r="J8" s="24">
        <v>10089124</v>
      </c>
      <c r="K8" s="24">
        <v>986048</v>
      </c>
      <c r="L8" s="24">
        <v>3693</v>
      </c>
      <c r="M8" s="24">
        <v>0</v>
      </c>
      <c r="N8" s="24">
        <v>370000</v>
      </c>
      <c r="O8" s="24">
        <v>619741</v>
      </c>
      <c r="P8" s="24">
        <v>145823402</v>
      </c>
      <c r="Q8" s="24">
        <v>175892022</v>
      </c>
      <c r="R8" s="24">
        <v>14294921</v>
      </c>
    </row>
    <row r="9" spans="1:18" ht="17.25" customHeight="1">
      <c r="A9" s="8" t="s">
        <v>43</v>
      </c>
      <c r="B9" s="14">
        <v>418325</v>
      </c>
      <c r="C9" s="14">
        <v>406586</v>
      </c>
      <c r="D9" s="14">
        <v>388078</v>
      </c>
      <c r="E9" s="19">
        <v>100.82</v>
      </c>
      <c r="F9" s="14">
        <v>203240371</v>
      </c>
      <c r="G9" s="14">
        <v>198572788</v>
      </c>
      <c r="H9" s="14">
        <v>4667583</v>
      </c>
      <c r="I9" s="14">
        <v>1485826</v>
      </c>
      <c r="J9" s="14">
        <v>3181757</v>
      </c>
      <c r="K9" s="14">
        <v>376681</v>
      </c>
      <c r="L9" s="14">
        <v>1000236</v>
      </c>
      <c r="M9" s="14">
        <v>5100</v>
      </c>
      <c r="N9" s="14">
        <v>5632486</v>
      </c>
      <c r="O9" s="14">
        <v>-4250469</v>
      </c>
      <c r="P9" s="14">
        <v>65966432</v>
      </c>
      <c r="Q9" s="14">
        <v>84535230</v>
      </c>
      <c r="R9" s="14">
        <v>6025933</v>
      </c>
    </row>
    <row r="10" spans="1:18" s="3" customFormat="1" ht="17.25" customHeight="1">
      <c r="A10" s="8" t="s">
        <v>44</v>
      </c>
      <c r="B10" s="14">
        <v>260780</v>
      </c>
      <c r="C10" s="14">
        <v>258227</v>
      </c>
      <c r="D10" s="14">
        <v>258422</v>
      </c>
      <c r="E10" s="22" t="s">
        <v>45</v>
      </c>
      <c r="F10" s="14">
        <v>120142601</v>
      </c>
      <c r="G10" s="14">
        <v>114847635</v>
      </c>
      <c r="H10" s="14">
        <v>5294966</v>
      </c>
      <c r="I10" s="14">
        <v>2220579</v>
      </c>
      <c r="J10" s="14">
        <v>3074387</v>
      </c>
      <c r="K10" s="14">
        <v>-174376</v>
      </c>
      <c r="L10" s="14">
        <v>50369</v>
      </c>
      <c r="M10" s="14">
        <v>0</v>
      </c>
      <c r="N10" s="14">
        <v>1024102</v>
      </c>
      <c r="O10" s="14">
        <v>-1148109</v>
      </c>
      <c r="P10" s="14">
        <v>47701276</v>
      </c>
      <c r="Q10" s="14">
        <v>50050592</v>
      </c>
      <c r="R10" s="14">
        <v>1406427</v>
      </c>
    </row>
    <row r="11" spans="1:18" s="3" customFormat="1" ht="17.25" customHeight="1">
      <c r="A11" s="8" t="s">
        <v>46</v>
      </c>
      <c r="B11" s="14">
        <v>174314</v>
      </c>
      <c r="C11" s="14">
        <v>173019</v>
      </c>
      <c r="D11" s="14">
        <v>172710</v>
      </c>
      <c r="E11" s="19">
        <v>39.659999999999997</v>
      </c>
      <c r="F11" s="14">
        <v>82872466</v>
      </c>
      <c r="G11" s="14">
        <v>79215669</v>
      </c>
      <c r="H11" s="14">
        <v>3656797</v>
      </c>
      <c r="I11" s="14">
        <v>431783</v>
      </c>
      <c r="J11" s="14">
        <v>3225014</v>
      </c>
      <c r="K11" s="14">
        <v>650157</v>
      </c>
      <c r="L11" s="14">
        <v>831602</v>
      </c>
      <c r="M11" s="14">
        <v>0</v>
      </c>
      <c r="N11" s="14">
        <v>378887</v>
      </c>
      <c r="O11" s="14">
        <v>1102872</v>
      </c>
      <c r="P11" s="14">
        <v>37621530</v>
      </c>
      <c r="Q11" s="14">
        <v>37621530</v>
      </c>
      <c r="R11" s="14">
        <v>0</v>
      </c>
    </row>
    <row r="12" spans="1:18" s="3" customFormat="1" ht="17.25" customHeight="1">
      <c r="A12" s="8" t="s">
        <v>47</v>
      </c>
      <c r="B12" s="14">
        <v>409657</v>
      </c>
      <c r="C12" s="14">
        <v>423894</v>
      </c>
      <c r="D12" s="14">
        <v>436905</v>
      </c>
      <c r="E12" s="19">
        <v>69.56</v>
      </c>
      <c r="F12" s="14">
        <v>206570914</v>
      </c>
      <c r="G12" s="14">
        <v>200717027</v>
      </c>
      <c r="H12" s="14">
        <v>5853887</v>
      </c>
      <c r="I12" s="14">
        <v>891789</v>
      </c>
      <c r="J12" s="14">
        <v>4962098</v>
      </c>
      <c r="K12" s="14">
        <v>956166</v>
      </c>
      <c r="L12" s="14">
        <v>4090011</v>
      </c>
      <c r="M12" s="14">
        <v>0</v>
      </c>
      <c r="N12" s="14">
        <v>1741153</v>
      </c>
      <c r="O12" s="14">
        <v>3305024</v>
      </c>
      <c r="P12" s="14">
        <v>87347528</v>
      </c>
      <c r="Q12" s="14">
        <v>87347528</v>
      </c>
      <c r="R12" s="14">
        <v>0</v>
      </c>
    </row>
    <row r="13" spans="1:18" s="3" customFormat="1" ht="17.25" customHeight="1">
      <c r="A13" s="8" t="s">
        <v>48</v>
      </c>
      <c r="B13" s="14">
        <v>198327</v>
      </c>
      <c r="C13" s="14">
        <v>194086</v>
      </c>
      <c r="D13" s="14">
        <v>188856</v>
      </c>
      <c r="E13" s="19">
        <v>113.6</v>
      </c>
      <c r="F13" s="14">
        <v>103999003</v>
      </c>
      <c r="G13" s="14">
        <v>100188554</v>
      </c>
      <c r="H13" s="14">
        <v>3810449</v>
      </c>
      <c r="I13" s="14">
        <v>341197</v>
      </c>
      <c r="J13" s="14">
        <v>3469252</v>
      </c>
      <c r="K13" s="14">
        <v>-15768</v>
      </c>
      <c r="L13" s="14">
        <v>1734711</v>
      </c>
      <c r="M13" s="14">
        <v>0</v>
      </c>
      <c r="N13" s="14">
        <v>2350000</v>
      </c>
      <c r="O13" s="14">
        <v>-631057</v>
      </c>
      <c r="P13" s="14">
        <v>36218737</v>
      </c>
      <c r="Q13" s="14">
        <v>38782679</v>
      </c>
      <c r="R13" s="14">
        <v>1487557</v>
      </c>
    </row>
    <row r="14" spans="1:18" s="3" customFormat="1" ht="17.25" customHeight="1">
      <c r="A14" s="8" t="s">
        <v>49</v>
      </c>
      <c r="B14" s="14">
        <v>235081</v>
      </c>
      <c r="C14" s="14">
        <v>239348</v>
      </c>
      <c r="D14" s="14">
        <v>242389</v>
      </c>
      <c r="E14" s="22" t="s">
        <v>50</v>
      </c>
      <c r="F14" s="14">
        <v>106190156</v>
      </c>
      <c r="G14" s="14">
        <v>99447294</v>
      </c>
      <c r="H14" s="14">
        <v>6742862</v>
      </c>
      <c r="I14" s="14">
        <v>265087</v>
      </c>
      <c r="J14" s="14">
        <v>6477775</v>
      </c>
      <c r="K14" s="14">
        <v>3055605</v>
      </c>
      <c r="L14" s="14">
        <v>286</v>
      </c>
      <c r="M14" s="14">
        <v>172097</v>
      </c>
      <c r="N14" s="14">
        <v>0</v>
      </c>
      <c r="O14" s="14">
        <v>3227988</v>
      </c>
      <c r="P14" s="14">
        <v>39648418</v>
      </c>
      <c r="Q14" s="14">
        <v>43048383</v>
      </c>
      <c r="R14" s="14">
        <v>1827414</v>
      </c>
    </row>
    <row r="15" spans="1:18" s="3" customFormat="1" ht="17.25" customHeight="1">
      <c r="A15" s="8" t="s">
        <v>51</v>
      </c>
      <c r="B15" s="14">
        <v>58302</v>
      </c>
      <c r="C15" s="14">
        <v>57425</v>
      </c>
      <c r="D15" s="14">
        <v>57060</v>
      </c>
      <c r="E15" s="19">
        <v>17.28</v>
      </c>
      <c r="F15" s="14">
        <v>28939067</v>
      </c>
      <c r="G15" s="14">
        <v>27271947</v>
      </c>
      <c r="H15" s="14">
        <v>1667120</v>
      </c>
      <c r="I15" s="14">
        <v>33526</v>
      </c>
      <c r="J15" s="14">
        <v>1633594</v>
      </c>
      <c r="K15" s="14">
        <v>348297</v>
      </c>
      <c r="L15" s="14">
        <v>1252759</v>
      </c>
      <c r="M15" s="14">
        <v>0</v>
      </c>
      <c r="N15" s="14">
        <v>900000</v>
      </c>
      <c r="O15" s="14">
        <v>701056</v>
      </c>
      <c r="P15" s="14">
        <v>10340510</v>
      </c>
      <c r="Q15" s="14">
        <v>12490721</v>
      </c>
      <c r="R15" s="14">
        <v>786047</v>
      </c>
    </row>
    <row r="16" spans="1:18" s="3" customFormat="1" ht="17.25" customHeight="1">
      <c r="A16" s="8" t="s">
        <v>52</v>
      </c>
      <c r="B16" s="14">
        <v>48352</v>
      </c>
      <c r="C16" s="14">
        <v>45289</v>
      </c>
      <c r="D16" s="14">
        <v>42069</v>
      </c>
      <c r="E16" s="19">
        <v>32.049999999999997</v>
      </c>
      <c r="F16" s="14">
        <v>24991204</v>
      </c>
      <c r="G16" s="14">
        <v>24564465</v>
      </c>
      <c r="H16" s="14">
        <v>426739</v>
      </c>
      <c r="I16" s="14">
        <v>89193</v>
      </c>
      <c r="J16" s="14">
        <v>337546</v>
      </c>
      <c r="K16" s="14">
        <v>67408</v>
      </c>
      <c r="L16" s="14">
        <v>150667</v>
      </c>
      <c r="M16" s="14">
        <v>10660</v>
      </c>
      <c r="N16" s="14">
        <v>316015</v>
      </c>
      <c r="O16" s="14">
        <v>-87280</v>
      </c>
      <c r="P16" s="14">
        <v>6427767</v>
      </c>
      <c r="Q16" s="14">
        <v>10187107</v>
      </c>
      <c r="R16" s="14">
        <v>535998</v>
      </c>
    </row>
    <row r="17" spans="1:18" s="3" customFormat="1" ht="17.25" customHeight="1">
      <c r="A17" s="8" t="s">
        <v>53</v>
      </c>
      <c r="B17" s="14">
        <v>170145</v>
      </c>
      <c r="C17" s="14">
        <v>167378</v>
      </c>
      <c r="D17" s="14">
        <v>162439</v>
      </c>
      <c r="E17" s="19">
        <v>103.76</v>
      </c>
      <c r="F17" s="14">
        <v>70218366</v>
      </c>
      <c r="G17" s="14">
        <v>68103169</v>
      </c>
      <c r="H17" s="14">
        <v>2115197</v>
      </c>
      <c r="I17" s="14">
        <v>360012</v>
      </c>
      <c r="J17" s="14">
        <v>1755185</v>
      </c>
      <c r="K17" s="14">
        <v>769081</v>
      </c>
      <c r="L17" s="14">
        <v>11686</v>
      </c>
      <c r="M17" s="14">
        <v>0</v>
      </c>
      <c r="N17" s="14">
        <v>1152613</v>
      </c>
      <c r="O17" s="14">
        <v>-371846</v>
      </c>
      <c r="P17" s="14">
        <v>25682810</v>
      </c>
      <c r="Q17" s="14">
        <v>30554958</v>
      </c>
      <c r="R17" s="14">
        <v>1983803</v>
      </c>
    </row>
    <row r="18" spans="1:18" s="3" customFormat="1" ht="17.25" customHeight="1">
      <c r="A18" s="8" t="s">
        <v>54</v>
      </c>
      <c r="B18" s="14">
        <v>224420</v>
      </c>
      <c r="C18" s="14">
        <v>225714</v>
      </c>
      <c r="D18" s="14">
        <v>223705</v>
      </c>
      <c r="E18" s="19">
        <v>93.84</v>
      </c>
      <c r="F18" s="14">
        <v>125260693</v>
      </c>
      <c r="G18" s="14">
        <v>119825190</v>
      </c>
      <c r="H18" s="14">
        <v>5435503</v>
      </c>
      <c r="I18" s="14">
        <v>634167</v>
      </c>
      <c r="J18" s="14">
        <v>4801336</v>
      </c>
      <c r="K18" s="14">
        <v>1073452</v>
      </c>
      <c r="L18" s="14">
        <v>4617210</v>
      </c>
      <c r="M18" s="14">
        <v>0</v>
      </c>
      <c r="N18" s="14">
        <v>3025855</v>
      </c>
      <c r="O18" s="14">
        <v>2664807</v>
      </c>
      <c r="P18" s="14">
        <v>52981726</v>
      </c>
      <c r="Q18" s="14">
        <v>52981726</v>
      </c>
      <c r="R18" s="14">
        <v>0</v>
      </c>
    </row>
    <row r="19" spans="1:18" s="3" customFormat="1" ht="17.25" customHeight="1">
      <c r="A19" s="8" t="s">
        <v>55</v>
      </c>
      <c r="B19" s="14">
        <v>228186</v>
      </c>
      <c r="C19" s="14">
        <v>232922</v>
      </c>
      <c r="D19" s="14">
        <v>239169</v>
      </c>
      <c r="E19" s="19">
        <v>27.09</v>
      </c>
      <c r="F19" s="14">
        <v>105830896</v>
      </c>
      <c r="G19" s="14">
        <v>102122753</v>
      </c>
      <c r="H19" s="14">
        <v>3708143</v>
      </c>
      <c r="I19" s="14">
        <v>241087</v>
      </c>
      <c r="J19" s="14">
        <v>3467056</v>
      </c>
      <c r="K19" s="14">
        <v>1146025</v>
      </c>
      <c r="L19" s="14">
        <v>109</v>
      </c>
      <c r="M19" s="14">
        <v>0</v>
      </c>
      <c r="N19" s="14">
        <v>1859000</v>
      </c>
      <c r="O19" s="14">
        <v>-712866</v>
      </c>
      <c r="P19" s="14">
        <v>40710658</v>
      </c>
      <c r="Q19" s="14">
        <v>43021259</v>
      </c>
      <c r="R19" s="14">
        <v>1358263</v>
      </c>
    </row>
    <row r="20" spans="1:18" s="3" customFormat="1" ht="17.25" customHeight="1">
      <c r="A20" s="8" t="s">
        <v>56</v>
      </c>
      <c r="B20" s="14">
        <v>101039</v>
      </c>
      <c r="C20" s="14">
        <v>101514</v>
      </c>
      <c r="D20" s="14">
        <v>101780</v>
      </c>
      <c r="E20" s="19">
        <v>55.56</v>
      </c>
      <c r="F20" s="14">
        <v>45221064</v>
      </c>
      <c r="G20" s="14">
        <v>44011758</v>
      </c>
      <c r="H20" s="14">
        <v>1209306</v>
      </c>
      <c r="I20" s="14">
        <v>22894</v>
      </c>
      <c r="J20" s="14">
        <v>1186412</v>
      </c>
      <c r="K20" s="14">
        <v>502471</v>
      </c>
      <c r="L20" s="14">
        <v>204976</v>
      </c>
      <c r="M20" s="14">
        <v>0</v>
      </c>
      <c r="N20" s="14">
        <v>598510</v>
      </c>
      <c r="O20" s="14">
        <v>108937</v>
      </c>
      <c r="P20" s="14">
        <v>18588021</v>
      </c>
      <c r="Q20" s="14">
        <v>19761297</v>
      </c>
      <c r="R20" s="14">
        <v>649469</v>
      </c>
    </row>
    <row r="21" spans="1:18" s="3" customFormat="1" ht="17.25" customHeight="1">
      <c r="A21" s="8" t="s">
        <v>57</v>
      </c>
      <c r="B21" s="14">
        <v>127707</v>
      </c>
      <c r="C21" s="14">
        <v>130190</v>
      </c>
      <c r="D21" s="14">
        <v>136516</v>
      </c>
      <c r="E21" s="19">
        <v>26.59</v>
      </c>
      <c r="F21" s="14">
        <v>66491848</v>
      </c>
      <c r="G21" s="14">
        <v>63663470</v>
      </c>
      <c r="H21" s="14">
        <v>2828378</v>
      </c>
      <c r="I21" s="14">
        <v>840212</v>
      </c>
      <c r="J21" s="14">
        <v>1988166</v>
      </c>
      <c r="K21" s="14">
        <v>1110685</v>
      </c>
      <c r="L21" s="14">
        <v>2652171</v>
      </c>
      <c r="M21" s="14">
        <v>0</v>
      </c>
      <c r="N21" s="14">
        <v>2276121</v>
      </c>
      <c r="O21" s="14">
        <v>1486735</v>
      </c>
      <c r="P21" s="14">
        <v>25913867</v>
      </c>
      <c r="Q21" s="14">
        <v>25913867</v>
      </c>
      <c r="R21" s="14">
        <v>0</v>
      </c>
    </row>
    <row r="22" spans="1:18" s="3" customFormat="1" ht="17.25" customHeight="1">
      <c r="A22" s="8" t="s">
        <v>58</v>
      </c>
      <c r="B22" s="14">
        <v>129436</v>
      </c>
      <c r="C22" s="14">
        <v>128737</v>
      </c>
      <c r="D22" s="14">
        <v>132325</v>
      </c>
      <c r="E22" s="19">
        <v>17.57</v>
      </c>
      <c r="F22" s="14">
        <v>59104748</v>
      </c>
      <c r="G22" s="14">
        <v>57185864</v>
      </c>
      <c r="H22" s="14">
        <v>1918884</v>
      </c>
      <c r="I22" s="14">
        <v>130029</v>
      </c>
      <c r="J22" s="14">
        <v>1788855</v>
      </c>
      <c r="K22" s="14">
        <v>-35782</v>
      </c>
      <c r="L22" s="14">
        <v>2295136</v>
      </c>
      <c r="M22" s="14">
        <v>0</v>
      </c>
      <c r="N22" s="14">
        <v>1651870</v>
      </c>
      <c r="O22" s="14">
        <v>607484</v>
      </c>
      <c r="P22" s="14">
        <v>21569637</v>
      </c>
      <c r="Q22" s="14">
        <v>24488939</v>
      </c>
      <c r="R22" s="14">
        <v>1196852</v>
      </c>
    </row>
    <row r="23" spans="1:18" s="3" customFormat="1" ht="17.25" customHeight="1">
      <c r="A23" s="8" t="s">
        <v>59</v>
      </c>
      <c r="B23" s="14">
        <v>44020</v>
      </c>
      <c r="C23" s="14">
        <v>43306</v>
      </c>
      <c r="D23" s="14">
        <v>40841</v>
      </c>
      <c r="E23" s="19">
        <v>77.12</v>
      </c>
      <c r="F23" s="14">
        <v>22801008</v>
      </c>
      <c r="G23" s="14">
        <v>21925973</v>
      </c>
      <c r="H23" s="14">
        <v>875035</v>
      </c>
      <c r="I23" s="14">
        <v>26428</v>
      </c>
      <c r="J23" s="14">
        <v>848607</v>
      </c>
      <c r="K23" s="14">
        <v>213484</v>
      </c>
      <c r="L23" s="14">
        <v>930000</v>
      </c>
      <c r="M23" s="14">
        <v>0</v>
      </c>
      <c r="N23" s="14">
        <v>200000</v>
      </c>
      <c r="O23" s="14">
        <v>943484</v>
      </c>
      <c r="P23" s="14">
        <v>7592993</v>
      </c>
      <c r="Q23" s="14">
        <v>9034155</v>
      </c>
      <c r="R23" s="14">
        <v>586935</v>
      </c>
    </row>
    <row r="24" spans="1:18" ht="17.25" customHeight="1">
      <c r="A24" s="8" t="s">
        <v>60</v>
      </c>
      <c r="B24" s="14">
        <v>83167</v>
      </c>
      <c r="C24" s="14">
        <v>84460</v>
      </c>
      <c r="D24" s="14">
        <v>83913</v>
      </c>
      <c r="E24" s="19">
        <v>22.14</v>
      </c>
      <c r="F24" s="14">
        <v>38741486</v>
      </c>
      <c r="G24" s="14">
        <v>37050872</v>
      </c>
      <c r="H24" s="14">
        <v>1690614</v>
      </c>
      <c r="I24" s="14">
        <v>561271</v>
      </c>
      <c r="J24" s="14">
        <v>1129343</v>
      </c>
      <c r="K24" s="14">
        <v>275421</v>
      </c>
      <c r="L24" s="14">
        <v>171388</v>
      </c>
      <c r="M24" s="14">
        <v>0</v>
      </c>
      <c r="N24" s="14">
        <v>0</v>
      </c>
      <c r="O24" s="14">
        <v>446809</v>
      </c>
      <c r="P24" s="14">
        <v>14701466</v>
      </c>
      <c r="Q24" s="14">
        <v>16618470</v>
      </c>
      <c r="R24" s="14">
        <v>862233</v>
      </c>
    </row>
    <row r="25" spans="1:18" ht="17.25" customHeight="1">
      <c r="A25" s="26" t="s">
        <v>61</v>
      </c>
      <c r="B25" s="27">
        <v>32766</v>
      </c>
      <c r="C25" s="27">
        <v>32096</v>
      </c>
      <c r="D25" s="27">
        <v>31665</v>
      </c>
      <c r="E25" s="28">
        <v>17.04</v>
      </c>
      <c r="F25" s="27">
        <v>14758075</v>
      </c>
      <c r="G25" s="27">
        <v>13992604</v>
      </c>
      <c r="H25" s="27">
        <v>765471</v>
      </c>
      <c r="I25" s="27">
        <v>152177</v>
      </c>
      <c r="J25" s="27">
        <v>613294</v>
      </c>
      <c r="K25" s="27">
        <v>169624</v>
      </c>
      <c r="L25" s="27">
        <v>560030</v>
      </c>
      <c r="M25" s="27">
        <v>0</v>
      </c>
      <c r="N25" s="27">
        <v>318000</v>
      </c>
      <c r="O25" s="27">
        <v>411654</v>
      </c>
      <c r="P25" s="27">
        <v>6069310</v>
      </c>
      <c r="Q25" s="27">
        <v>7222183</v>
      </c>
      <c r="R25" s="27">
        <v>469272</v>
      </c>
    </row>
    <row r="26" spans="1:18" s="3" customFormat="1" ht="17.25" customHeight="1">
      <c r="A26" s="8" t="s">
        <v>62</v>
      </c>
      <c r="B26" s="14">
        <v>47672</v>
      </c>
      <c r="C26" s="14">
        <v>47936</v>
      </c>
      <c r="D26" s="14">
        <v>48348</v>
      </c>
      <c r="E26" s="19">
        <v>13.34</v>
      </c>
      <c r="F26" s="14">
        <v>22897605</v>
      </c>
      <c r="G26" s="14">
        <v>21639731</v>
      </c>
      <c r="H26" s="14">
        <v>1257874</v>
      </c>
      <c r="I26" s="14">
        <v>267238</v>
      </c>
      <c r="J26" s="14">
        <v>990636</v>
      </c>
      <c r="K26" s="14">
        <v>-86201</v>
      </c>
      <c r="L26" s="14">
        <v>739099</v>
      </c>
      <c r="M26" s="14">
        <v>0</v>
      </c>
      <c r="N26" s="14">
        <v>579741</v>
      </c>
      <c r="O26" s="14">
        <v>73157</v>
      </c>
      <c r="P26" s="14">
        <v>9835919</v>
      </c>
      <c r="Q26" s="14">
        <v>9835919</v>
      </c>
      <c r="R26" s="14">
        <v>0</v>
      </c>
    </row>
    <row r="27" spans="1:18" s="3" customFormat="1" ht="17.25" customHeight="1">
      <c r="A27" s="8" t="s">
        <v>63</v>
      </c>
      <c r="B27" s="14">
        <v>33032</v>
      </c>
      <c r="C27" s="14">
        <v>31550</v>
      </c>
      <c r="D27" s="14">
        <v>31634</v>
      </c>
      <c r="E27" s="22" t="s">
        <v>64</v>
      </c>
      <c r="F27" s="14">
        <v>14769525</v>
      </c>
      <c r="G27" s="14">
        <v>14152618</v>
      </c>
      <c r="H27" s="14">
        <v>616907</v>
      </c>
      <c r="I27" s="14">
        <v>4021</v>
      </c>
      <c r="J27" s="14">
        <v>612886</v>
      </c>
      <c r="K27" s="14">
        <v>-240548</v>
      </c>
      <c r="L27" s="14">
        <v>505870</v>
      </c>
      <c r="M27" s="14">
        <v>0</v>
      </c>
      <c r="N27" s="14">
        <v>375241</v>
      </c>
      <c r="O27" s="14">
        <v>-109919</v>
      </c>
      <c r="P27" s="14">
        <v>5791618</v>
      </c>
      <c r="Q27" s="14">
        <v>7041730</v>
      </c>
      <c r="R27" s="14">
        <v>473762</v>
      </c>
    </row>
    <row r="28" spans="1:18" s="3" customFormat="1" ht="17.25" customHeight="1">
      <c r="A28" s="8" t="s">
        <v>65</v>
      </c>
      <c r="B28" s="14">
        <v>29522</v>
      </c>
      <c r="C28" s="14">
        <v>28378</v>
      </c>
      <c r="D28" s="14">
        <v>27564</v>
      </c>
      <c r="E28" s="19">
        <v>9.08</v>
      </c>
      <c r="F28" s="14">
        <v>11925192</v>
      </c>
      <c r="G28" s="14">
        <v>11481332</v>
      </c>
      <c r="H28" s="14">
        <v>443860</v>
      </c>
      <c r="I28" s="14">
        <v>52489</v>
      </c>
      <c r="J28" s="14">
        <v>391371</v>
      </c>
      <c r="K28" s="14">
        <v>108802</v>
      </c>
      <c r="L28" s="14">
        <v>229063</v>
      </c>
      <c r="M28" s="14">
        <v>0</v>
      </c>
      <c r="N28" s="14">
        <v>327000</v>
      </c>
      <c r="O28" s="14">
        <v>10865</v>
      </c>
      <c r="P28" s="14">
        <v>4142754</v>
      </c>
      <c r="Q28" s="14">
        <v>5930262</v>
      </c>
      <c r="R28" s="14">
        <v>437056</v>
      </c>
    </row>
    <row r="29" spans="1:18" s="3" customFormat="1" ht="17.25" customHeight="1">
      <c r="A29" s="8" t="s">
        <v>66</v>
      </c>
      <c r="B29" s="14">
        <v>10010</v>
      </c>
      <c r="C29" s="14">
        <v>9679</v>
      </c>
      <c r="D29" s="14">
        <v>9300</v>
      </c>
      <c r="E29" s="19">
        <v>19.989999999999998</v>
      </c>
      <c r="F29" s="14">
        <v>5570124</v>
      </c>
      <c r="G29" s="14">
        <v>5343037</v>
      </c>
      <c r="H29" s="14">
        <v>227087</v>
      </c>
      <c r="I29" s="14">
        <v>6256</v>
      </c>
      <c r="J29" s="14">
        <v>220831</v>
      </c>
      <c r="K29" s="14">
        <v>-24806</v>
      </c>
      <c r="L29" s="14">
        <v>217701</v>
      </c>
      <c r="M29" s="14">
        <v>0</v>
      </c>
      <c r="N29" s="14">
        <v>0</v>
      </c>
      <c r="O29" s="14">
        <v>192895</v>
      </c>
      <c r="P29" s="14">
        <v>2984574</v>
      </c>
      <c r="Q29" s="14">
        <v>3018513</v>
      </c>
      <c r="R29" s="14">
        <v>22927</v>
      </c>
    </row>
    <row r="30" spans="1:18" s="3" customFormat="1" ht="17.25" customHeight="1">
      <c r="A30" s="8" t="s">
        <v>67</v>
      </c>
      <c r="B30" s="14">
        <v>17972</v>
      </c>
      <c r="C30" s="14">
        <v>17033</v>
      </c>
      <c r="D30" s="14">
        <v>17129</v>
      </c>
      <c r="E30" s="19">
        <v>14.38</v>
      </c>
      <c r="F30" s="14">
        <v>8735783</v>
      </c>
      <c r="G30" s="14">
        <v>8277863</v>
      </c>
      <c r="H30" s="14">
        <v>457920</v>
      </c>
      <c r="I30" s="14">
        <v>1992</v>
      </c>
      <c r="J30" s="14">
        <v>455928</v>
      </c>
      <c r="K30" s="14">
        <v>198894</v>
      </c>
      <c r="L30" s="14">
        <v>418</v>
      </c>
      <c r="M30" s="14">
        <v>0</v>
      </c>
      <c r="N30" s="14">
        <v>210000</v>
      </c>
      <c r="O30" s="14">
        <v>-10688</v>
      </c>
      <c r="P30" s="14">
        <v>3193030</v>
      </c>
      <c r="Q30" s="14">
        <v>4096512</v>
      </c>
      <c r="R30" s="14">
        <v>305875</v>
      </c>
    </row>
    <row r="31" spans="1:18" s="3" customFormat="1" ht="17.25" customHeight="1">
      <c r="A31" s="8" t="s">
        <v>68</v>
      </c>
      <c r="B31" s="14">
        <v>11676</v>
      </c>
      <c r="C31" s="14">
        <v>11171</v>
      </c>
      <c r="D31" s="14">
        <v>10836</v>
      </c>
      <c r="E31" s="19">
        <v>37.75</v>
      </c>
      <c r="F31" s="14">
        <v>7003274</v>
      </c>
      <c r="G31" s="14">
        <v>6621228</v>
      </c>
      <c r="H31" s="14">
        <v>382046</v>
      </c>
      <c r="I31" s="14">
        <v>10465</v>
      </c>
      <c r="J31" s="14">
        <v>371581</v>
      </c>
      <c r="K31" s="14">
        <v>165267</v>
      </c>
      <c r="L31" s="14">
        <v>431012</v>
      </c>
      <c r="M31" s="14">
        <v>0</v>
      </c>
      <c r="N31" s="14">
        <v>45000</v>
      </c>
      <c r="O31" s="14">
        <v>551279</v>
      </c>
      <c r="P31" s="14">
        <v>1942586</v>
      </c>
      <c r="Q31" s="14">
        <v>3024979</v>
      </c>
      <c r="R31" s="14">
        <v>171163</v>
      </c>
    </row>
    <row r="32" spans="1:18" s="3" customFormat="1" ht="17.25" customHeight="1">
      <c r="A32" s="8" t="s">
        <v>69</v>
      </c>
      <c r="B32" s="14">
        <v>11764</v>
      </c>
      <c r="C32" s="14">
        <v>10724</v>
      </c>
      <c r="D32" s="14">
        <v>9761</v>
      </c>
      <c r="E32" s="19">
        <v>224.61</v>
      </c>
      <c r="F32" s="14">
        <v>7512011</v>
      </c>
      <c r="G32" s="14">
        <v>7097131</v>
      </c>
      <c r="H32" s="14">
        <v>414880</v>
      </c>
      <c r="I32" s="14">
        <v>41144</v>
      </c>
      <c r="J32" s="14">
        <v>373736</v>
      </c>
      <c r="K32" s="14">
        <v>111376</v>
      </c>
      <c r="L32" s="14">
        <v>155751</v>
      </c>
      <c r="M32" s="14">
        <v>0</v>
      </c>
      <c r="N32" s="14">
        <v>50000</v>
      </c>
      <c r="O32" s="14">
        <v>217127</v>
      </c>
      <c r="P32" s="14">
        <v>1982947</v>
      </c>
      <c r="Q32" s="14">
        <v>3477460</v>
      </c>
      <c r="R32" s="14">
        <v>197514</v>
      </c>
    </row>
    <row r="33" spans="1:18" s="3" customFormat="1" ht="17.25" customHeight="1">
      <c r="A33" s="8" t="s">
        <v>70</v>
      </c>
      <c r="B33" s="14">
        <v>16369</v>
      </c>
      <c r="C33" s="14">
        <v>17013</v>
      </c>
      <c r="D33" s="14">
        <v>18329</v>
      </c>
      <c r="E33" s="19">
        <v>6.55</v>
      </c>
      <c r="F33" s="14">
        <v>8975266</v>
      </c>
      <c r="G33" s="14">
        <v>8434691</v>
      </c>
      <c r="H33" s="14">
        <v>540575</v>
      </c>
      <c r="I33" s="14">
        <v>68919</v>
      </c>
      <c r="J33" s="14">
        <v>471656</v>
      </c>
      <c r="K33" s="14">
        <v>99387</v>
      </c>
      <c r="L33" s="14">
        <v>150033</v>
      </c>
      <c r="M33" s="14">
        <v>0</v>
      </c>
      <c r="N33" s="14">
        <v>150000</v>
      </c>
      <c r="O33" s="14">
        <v>99420</v>
      </c>
      <c r="P33" s="14">
        <v>3611937</v>
      </c>
      <c r="Q33" s="14">
        <v>4076157</v>
      </c>
      <c r="R33" s="14">
        <v>215182</v>
      </c>
    </row>
    <row r="34" spans="1:18" s="3" customFormat="1" ht="17.25" customHeight="1">
      <c r="A34" s="8" t="s">
        <v>71</v>
      </c>
      <c r="B34" s="14">
        <v>13853</v>
      </c>
      <c r="C34" s="14">
        <v>11786</v>
      </c>
      <c r="D34" s="14">
        <v>11293</v>
      </c>
      <c r="E34" s="19">
        <v>92.86</v>
      </c>
      <c r="F34" s="14">
        <v>13963557</v>
      </c>
      <c r="G34" s="14">
        <v>13241348</v>
      </c>
      <c r="H34" s="14">
        <v>722209</v>
      </c>
      <c r="I34" s="14">
        <v>295526</v>
      </c>
      <c r="J34" s="14">
        <v>426683</v>
      </c>
      <c r="K34" s="14">
        <v>-42168</v>
      </c>
      <c r="L34" s="14">
        <v>673283</v>
      </c>
      <c r="M34" s="14">
        <v>0</v>
      </c>
      <c r="N34" s="14">
        <v>1026896</v>
      </c>
      <c r="O34" s="14">
        <v>-395781</v>
      </c>
      <c r="P34" s="14">
        <v>5826737</v>
      </c>
      <c r="Q34" s="14">
        <v>5826737</v>
      </c>
      <c r="R34" s="14">
        <v>0</v>
      </c>
    </row>
    <row r="35" spans="1:18" s="3" customFormat="1" ht="17.25" customHeight="1">
      <c r="A35" s="8" t="s">
        <v>72</v>
      </c>
      <c r="B35" s="14">
        <v>8212</v>
      </c>
      <c r="C35" s="14">
        <v>7333</v>
      </c>
      <c r="D35" s="14">
        <v>6722</v>
      </c>
      <c r="E35" s="19">
        <v>7.05</v>
      </c>
      <c r="F35" s="14">
        <v>4905879</v>
      </c>
      <c r="G35" s="14">
        <v>4751263</v>
      </c>
      <c r="H35" s="14">
        <v>154616</v>
      </c>
      <c r="I35" s="14">
        <v>217</v>
      </c>
      <c r="J35" s="14">
        <v>154399</v>
      </c>
      <c r="K35" s="14">
        <v>-18736</v>
      </c>
      <c r="L35" s="14">
        <v>130000</v>
      </c>
      <c r="M35" s="14">
        <v>0</v>
      </c>
      <c r="N35" s="14">
        <v>160000</v>
      </c>
      <c r="O35" s="14">
        <v>-48736</v>
      </c>
      <c r="P35" s="14">
        <v>1088320</v>
      </c>
      <c r="Q35" s="14">
        <v>2289017</v>
      </c>
      <c r="R35" s="14">
        <v>102865</v>
      </c>
    </row>
    <row r="36" spans="1:18" s="3" customFormat="1" ht="17.25" customHeight="1">
      <c r="A36" s="8" t="s">
        <v>73</v>
      </c>
      <c r="B36" s="14">
        <v>26848</v>
      </c>
      <c r="C36" s="14">
        <v>25026</v>
      </c>
      <c r="D36" s="14">
        <v>23426</v>
      </c>
      <c r="E36" s="19">
        <v>40.97</v>
      </c>
      <c r="F36" s="14">
        <v>13428251</v>
      </c>
      <c r="G36" s="14">
        <v>12990603</v>
      </c>
      <c r="H36" s="14">
        <v>437648</v>
      </c>
      <c r="I36" s="14">
        <v>82169</v>
      </c>
      <c r="J36" s="14">
        <v>355479</v>
      </c>
      <c r="K36" s="14">
        <v>-23603</v>
      </c>
      <c r="L36" s="14">
        <v>100102</v>
      </c>
      <c r="M36" s="14">
        <v>0</v>
      </c>
      <c r="N36" s="14">
        <v>250000</v>
      </c>
      <c r="O36" s="14">
        <v>-173501</v>
      </c>
      <c r="P36" s="14">
        <v>4044934</v>
      </c>
      <c r="Q36" s="14">
        <v>5772952</v>
      </c>
      <c r="R36" s="14">
        <v>348631</v>
      </c>
    </row>
    <row r="37" spans="1:18" s="3" customFormat="1" ht="17.25" customHeight="1">
      <c r="A37" s="8" t="s">
        <v>74</v>
      </c>
      <c r="B37" s="14">
        <v>42089</v>
      </c>
      <c r="C37" s="14">
        <v>40343</v>
      </c>
      <c r="D37" s="14">
        <v>39869</v>
      </c>
      <c r="E37" s="19">
        <v>34.28</v>
      </c>
      <c r="F37" s="14">
        <v>17739040</v>
      </c>
      <c r="G37" s="14">
        <v>17118245</v>
      </c>
      <c r="H37" s="14">
        <v>620795</v>
      </c>
      <c r="I37" s="14">
        <v>29606</v>
      </c>
      <c r="J37" s="14">
        <v>591189</v>
      </c>
      <c r="K37" s="14">
        <v>195480</v>
      </c>
      <c r="L37" s="14">
        <v>198184</v>
      </c>
      <c r="M37" s="14">
        <v>0</v>
      </c>
      <c r="N37" s="14">
        <v>181768</v>
      </c>
      <c r="O37" s="14">
        <v>211896</v>
      </c>
      <c r="P37" s="14">
        <v>8667121</v>
      </c>
      <c r="Q37" s="14">
        <v>8667121</v>
      </c>
      <c r="R37" s="14">
        <v>0</v>
      </c>
    </row>
    <row r="38" spans="1:18" ht="17.25" customHeight="1">
      <c r="A38" s="9" t="s">
        <v>75</v>
      </c>
      <c r="B38" s="15">
        <v>3459</v>
      </c>
      <c r="C38" s="15">
        <v>3214</v>
      </c>
      <c r="D38" s="15">
        <v>3038</v>
      </c>
      <c r="E38" s="20">
        <v>71.239999999999995</v>
      </c>
      <c r="F38" s="15">
        <v>2724607</v>
      </c>
      <c r="G38" s="15">
        <v>2589780</v>
      </c>
      <c r="H38" s="15">
        <v>134827</v>
      </c>
      <c r="I38" s="15">
        <v>44103</v>
      </c>
      <c r="J38" s="15">
        <v>90724</v>
      </c>
      <c r="K38" s="15">
        <v>16970</v>
      </c>
      <c r="L38" s="15">
        <v>15411</v>
      </c>
      <c r="M38" s="15">
        <v>0</v>
      </c>
      <c r="N38" s="15">
        <v>0</v>
      </c>
      <c r="O38" s="15">
        <v>32381</v>
      </c>
      <c r="P38" s="15">
        <v>1457583</v>
      </c>
      <c r="Q38" s="15">
        <v>1689555</v>
      </c>
      <c r="R38" s="15">
        <v>124622</v>
      </c>
    </row>
    <row r="39" spans="1:18" ht="17.25" customHeight="1">
      <c r="A39" s="10" t="s">
        <v>76</v>
      </c>
      <c r="B39" s="16">
        <v>9048331</v>
      </c>
      <c r="C39" s="16">
        <v>9126213</v>
      </c>
      <c r="D39" s="16">
        <v>9237337</v>
      </c>
      <c r="E39" s="21">
        <v>2416.11</v>
      </c>
      <c r="F39" s="16">
        <v>5257153544</v>
      </c>
      <c r="G39" s="16">
        <v>5159144977</v>
      </c>
      <c r="H39" s="16">
        <v>98008567</v>
      </c>
      <c r="I39" s="16">
        <v>31199522</v>
      </c>
      <c r="J39" s="16">
        <v>66809045</v>
      </c>
      <c r="K39" s="16">
        <v>10611346</v>
      </c>
      <c r="L39" s="16">
        <v>30553654</v>
      </c>
      <c r="M39" s="16">
        <v>187857</v>
      </c>
      <c r="N39" s="16">
        <v>32289147</v>
      </c>
      <c r="O39" s="16">
        <v>9063710</v>
      </c>
      <c r="P39" s="16">
        <v>2027314554</v>
      </c>
      <c r="Q39" s="16">
        <v>2176359602</v>
      </c>
      <c r="R39" s="16">
        <v>74003855</v>
      </c>
    </row>
    <row r="40" spans="1:18" ht="42" customHeight="1">
      <c r="C40" s="30" t="s">
        <v>78</v>
      </c>
      <c r="D40" s="30"/>
      <c r="E40" s="30" t="s">
        <v>77</v>
      </c>
      <c r="F40" s="31"/>
      <c r="G40" s="31"/>
      <c r="H40" s="31"/>
    </row>
  </sheetData>
  <mergeCells count="2">
    <mergeCell ref="E40:H40"/>
    <mergeCell ref="C40:D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令和２年度市町村普通会計決算状況
　（１）総括［&amp;P/&amp;N］&amp;R&amp;"ＭＳ ゴシック,標準"&amp;10
（単位：千円）</oddHeader>
    <firstHeader>&amp;L&amp;"ＭＳ ゴシック,標準"&amp;10 １　令和２年度市町村普通会計決算状況
　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1-12-01T04:34:54Z</cp:lastPrinted>
  <dcterms:created xsi:type="dcterms:W3CDTF">2013-03-18T10:11:22Z</dcterms:created>
  <dcterms:modified xsi:type="dcterms:W3CDTF">2022-03-09T23:49:12Z</dcterms:modified>
</cp:coreProperties>
</file>